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autoCompressPictures="0"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17328" windowHeight="6516"/>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extLst>
    <ext xmlns:mx="http://schemas.microsoft.com/office/mac/excel/2008/main" uri="{7523E5D3-25F3-A5E0-1632-64F254C22452}">
      <mx:ArchID Flags="2"/>
    </ext>
  </extLst>
</workbook>
</file>

<file path=xl/sharedStrings.xml><?xml version="1.0" encoding="utf-8"?>
<sst xmlns="http://schemas.openxmlformats.org/spreadsheetml/2006/main" count="1182" uniqueCount="891">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094</t>
    <phoneticPr fontId="1"/>
  </si>
  <si>
    <t>深沢</t>
    <rPh sb="0" eb="2">
      <t>フカs</t>
    </rPh>
    <phoneticPr fontId="1"/>
  </si>
  <si>
    <t>高等学校</t>
    <rPh sb="0" eb="2">
      <t>コウトウ</t>
    </rPh>
    <rPh sb="2" eb="4">
      <t>ガッコウ</t>
    </rPh>
    <phoneticPr fontId="1"/>
  </si>
  <si>
    <t>水を縫う</t>
    <rPh sb="0" eb="4">
      <t>ミズ</t>
    </rPh>
    <phoneticPr fontId="1"/>
  </si>
  <si>
    <t>逆ソクラテス</t>
    <rPh sb="0" eb="6">
      <t>ギャk</t>
    </rPh>
    <phoneticPr fontId="1"/>
  </si>
  <si>
    <t>５２ヘルツのクジラたち</t>
    <phoneticPr fontId="1"/>
  </si>
  <si>
    <t>クララとお日さま</t>
    <rPh sb="5" eb="8">
      <t>ヒサm</t>
    </rPh>
    <phoneticPr fontId="1"/>
  </si>
  <si>
    <t>伊坂幸太郎</t>
    <rPh sb="0" eb="5">
      <t>イサk</t>
    </rPh>
    <phoneticPr fontId="1"/>
  </si>
  <si>
    <t>集英社</t>
    <rPh sb="0" eb="3">
      <t>シュウエイsh</t>
    </rPh>
    <phoneticPr fontId="1"/>
  </si>
  <si>
    <t>寺地はるな</t>
    <rPh sb="0" eb="2">
      <t>テラt</t>
    </rPh>
    <phoneticPr fontId="1"/>
  </si>
  <si>
    <t>集英社</t>
    <rPh sb="0" eb="3">
      <t>シュウエ</t>
    </rPh>
    <phoneticPr fontId="1"/>
  </si>
  <si>
    <t>砥上裕將</t>
    <phoneticPr fontId="1"/>
  </si>
  <si>
    <t>線は、僕を描く</t>
    <rPh sb="0" eb="3">
      <t>センh</t>
    </rPh>
    <rPh sb="3" eb="7">
      <t>ボk</t>
    </rPh>
    <phoneticPr fontId="1"/>
  </si>
  <si>
    <t>講談社</t>
    <rPh sb="0" eb="3">
      <t>コウダンsh</t>
    </rPh>
    <phoneticPr fontId="1"/>
  </si>
  <si>
    <t>凪良ゆう</t>
    <phoneticPr fontId="1"/>
  </si>
  <si>
    <t>流浪の月</t>
    <rPh sb="0" eb="4">
      <t>ルロ</t>
    </rPh>
    <phoneticPr fontId="1"/>
  </si>
  <si>
    <t>東京創元社</t>
    <rPh sb="0" eb="5">
      <t>トウキョ</t>
    </rPh>
    <phoneticPr fontId="1"/>
  </si>
  <si>
    <t>沖晴くんの涙を殺して</t>
    <phoneticPr fontId="1"/>
  </si>
  <si>
    <t>額賀澪</t>
    <phoneticPr fontId="1"/>
  </si>
  <si>
    <t>双葉社</t>
    <rPh sb="0" eb="3">
      <t>フタb</t>
    </rPh>
    <phoneticPr fontId="1"/>
  </si>
  <si>
    <t>この本を盗む者は</t>
    <phoneticPr fontId="1"/>
  </si>
  <si>
    <t>深緑野分</t>
    <phoneticPr fontId="1"/>
  </si>
  <si>
    <t>ぼくはイエローでホワイトで、ちょっとブルー</t>
    <phoneticPr fontId="1"/>
  </si>
  <si>
    <t>ブレイディみかこ</t>
    <phoneticPr fontId="1"/>
  </si>
  <si>
    <t>新潮社</t>
    <rPh sb="0" eb="3">
      <t>シンチョ</t>
    </rPh>
    <phoneticPr fontId="1"/>
  </si>
  <si>
    <t>13 歳からのアート思考</t>
    <phoneticPr fontId="1"/>
  </si>
  <si>
    <t>末永幸歩</t>
    <phoneticPr fontId="1"/>
  </si>
  <si>
    <t>ダイヤモンド社</t>
    <rPh sb="6" eb="7">
      <t>sh</t>
    </rPh>
    <phoneticPr fontId="1"/>
  </si>
  <si>
    <t>中央公論新社</t>
    <phoneticPr fontId="1"/>
  </si>
  <si>
    <t>町田そのこ</t>
    <rPh sb="0" eb="4">
      <t>マチd</t>
    </rPh>
    <phoneticPr fontId="1"/>
  </si>
  <si>
    <t>バッタを倒しにアフリカへ</t>
    <phoneticPr fontId="1"/>
  </si>
  <si>
    <t xml:space="preserve"> 前野ウルド浩太郎 </t>
    <phoneticPr fontId="1"/>
  </si>
  <si>
    <t>光文社</t>
    <rPh sb="0" eb="3">
      <t>コウブンsh</t>
    </rPh>
    <phoneticPr fontId="1"/>
  </si>
  <si>
    <t>目の見えない人は世界をどう見ているのか</t>
    <phoneticPr fontId="1"/>
  </si>
  <si>
    <t>伊藤亜紗</t>
    <rPh sb="0" eb="4">
      <t>イトウ</t>
    </rPh>
    <phoneticPr fontId="1"/>
  </si>
  <si>
    <t>光文社</t>
    <rPh sb="0" eb="3">
      <t>コウブン</t>
    </rPh>
    <phoneticPr fontId="1"/>
  </si>
  <si>
    <t>オルタネート</t>
    <phoneticPr fontId="1"/>
  </si>
  <si>
    <t>加藤シゲアキ</t>
    <rPh sb="0" eb="2">
      <t>カトウ</t>
    </rPh>
    <phoneticPr fontId="1"/>
  </si>
  <si>
    <t>「空気」を読んでも従わない</t>
    <rPh sb="1" eb="3">
      <t>クウキ</t>
    </rPh>
    <rPh sb="5" eb="6">
      <t>ヨ</t>
    </rPh>
    <rPh sb="9" eb="10">
      <t>シタガ</t>
    </rPh>
    <phoneticPr fontId="1"/>
  </si>
  <si>
    <t>鴻上尚史</t>
    <rPh sb="0" eb="2">
      <t>コウカミ</t>
    </rPh>
    <rPh sb="2" eb="3">
      <t>ナオ</t>
    </rPh>
    <rPh sb="3" eb="4">
      <t>フミ</t>
    </rPh>
    <phoneticPr fontId="1"/>
  </si>
  <si>
    <t>岩波書店</t>
    <rPh sb="0" eb="2">
      <t>イワナミ</t>
    </rPh>
    <rPh sb="2" eb="4">
      <t>ショテン</t>
    </rPh>
    <phoneticPr fontId="1"/>
  </si>
  <si>
    <t>生物はウイルスが進化させた</t>
    <rPh sb="0" eb="2">
      <t>セイブツ</t>
    </rPh>
    <rPh sb="8" eb="10">
      <t>シンカ</t>
    </rPh>
    <phoneticPr fontId="1"/>
  </si>
  <si>
    <t>武村政春</t>
    <rPh sb="0" eb="2">
      <t>タケムラ</t>
    </rPh>
    <rPh sb="2" eb="4">
      <t>マサハル</t>
    </rPh>
    <phoneticPr fontId="1"/>
  </si>
  <si>
    <t>講談社</t>
    <rPh sb="0" eb="3">
      <t>コウダンシャ</t>
    </rPh>
    <phoneticPr fontId="1"/>
  </si>
  <si>
    <t>裁判官だから書けるイマドキの裁判</t>
    <rPh sb="0" eb="3">
      <t>サイバンカン</t>
    </rPh>
    <rPh sb="6" eb="7">
      <t>カ</t>
    </rPh>
    <rPh sb="14" eb="16">
      <t>サイバン</t>
    </rPh>
    <phoneticPr fontId="1"/>
  </si>
  <si>
    <t>日本裁判官ネットワーク</t>
    <rPh sb="0" eb="2">
      <t>ニホン</t>
    </rPh>
    <rPh sb="2" eb="5">
      <t>サイバンカン</t>
    </rPh>
    <phoneticPr fontId="1"/>
  </si>
  <si>
    <t>あなたを閉じ込める「ずるい」言葉</t>
    <rPh sb="4" eb="5">
      <t>ト</t>
    </rPh>
    <rPh sb="6" eb="7">
      <t>コ</t>
    </rPh>
    <rPh sb="14" eb="16">
      <t>コトバ</t>
    </rPh>
    <phoneticPr fontId="1"/>
  </si>
  <si>
    <t>森山至貴</t>
    <rPh sb="0" eb="2">
      <t>モリヤマ</t>
    </rPh>
    <rPh sb="2" eb="3">
      <t>イタル</t>
    </rPh>
    <rPh sb="3" eb="4">
      <t>トウト</t>
    </rPh>
    <phoneticPr fontId="1"/>
  </si>
  <si>
    <t>WAVE出版</t>
    <rPh sb="4" eb="6">
      <t>シュッパン</t>
    </rPh>
    <phoneticPr fontId="1"/>
  </si>
  <si>
    <t>361</t>
    <phoneticPr fontId="1"/>
  </si>
  <si>
    <t>327</t>
    <phoneticPr fontId="1"/>
  </si>
  <si>
    <t>467</t>
    <phoneticPr fontId="1"/>
  </si>
  <si>
    <t>159</t>
    <phoneticPr fontId="1"/>
  </si>
  <si>
    <t>369</t>
    <phoneticPr fontId="1"/>
  </si>
  <si>
    <t>486</t>
    <phoneticPr fontId="1"/>
  </si>
  <si>
    <t>704</t>
    <phoneticPr fontId="1"/>
  </si>
  <si>
    <t>376</t>
    <phoneticPr fontId="1"/>
  </si>
  <si>
    <t>913</t>
    <phoneticPr fontId="1"/>
  </si>
  <si>
    <t>933</t>
    <phoneticPr fontId="1"/>
  </si>
  <si>
    <t>カズオ・イシグロ （著）,土屋政雄 （訳）</t>
    <phoneticPr fontId="1"/>
  </si>
  <si>
    <t>早川書房</t>
    <rPh sb="0" eb="2">
      <t>ハヤカワ</t>
    </rPh>
    <rPh sb="2" eb="4">
      <t>ショボウ</t>
    </rPh>
    <phoneticPr fontId="1"/>
  </si>
  <si>
    <t>新潮社</t>
    <rPh sb="0" eb="3">
      <t>シンチョウシャ</t>
    </rPh>
    <phoneticPr fontId="1"/>
  </si>
  <si>
    <t>「わたしは、あんたの誰にも届かない52ヘルツの声を聴くよ」。人は誰もが愛される存在であると感じさせてくれる物語。</t>
    <rPh sb="30" eb="31">
      <t>ヒト</t>
    </rPh>
    <rPh sb="32" eb="33">
      <t>ダレ</t>
    </rPh>
    <rPh sb="35" eb="36">
      <t>アイ</t>
    </rPh>
    <rPh sb="39" eb="41">
      <t>ソンザイ</t>
    </rPh>
    <rPh sb="45" eb="46">
      <t>カン</t>
    </rPh>
    <rPh sb="53" eb="55">
      <t>モノガタリ</t>
    </rPh>
    <phoneticPr fontId="1"/>
  </si>
  <si>
    <t>事実と真実は違う。一緒にいることで周囲からはさまざまな憶測をされてしまう二人の、「真実」の物語。</t>
    <rPh sb="0" eb="2">
      <t>ジジツ</t>
    </rPh>
    <rPh sb="3" eb="5">
      <t>シンジツ</t>
    </rPh>
    <rPh sb="6" eb="7">
      <t>チガ</t>
    </rPh>
    <rPh sb="9" eb="11">
      <t>イッショ</t>
    </rPh>
    <rPh sb="17" eb="19">
      <t>シュウイ</t>
    </rPh>
    <rPh sb="27" eb="29">
      <t>オクソク</t>
    </rPh>
    <rPh sb="36" eb="38">
      <t>フタリ</t>
    </rPh>
    <rPh sb="41" eb="43">
      <t>シンジツ</t>
    </rPh>
    <rPh sb="45" eb="47">
      <t>モノガタリ</t>
    </rPh>
    <phoneticPr fontId="1"/>
  </si>
  <si>
    <t>盤上に君はもういない</t>
    <phoneticPr fontId="1"/>
  </si>
  <si>
    <t>綾崎隼</t>
    <phoneticPr fontId="1"/>
  </si>
  <si>
    <t>ＫＡＤＯＫＡＷＡ</t>
    <phoneticPr fontId="1"/>
  </si>
  <si>
    <t>高校生限定のマッチングアプリが必須となった現代。東京の高校を舞台にした、３人の10代の日々を見つめる青春小説。</t>
    <rPh sb="41" eb="42">
      <t>ダイ</t>
    </rPh>
    <rPh sb="43" eb="45">
      <t>ヒビ</t>
    </rPh>
    <rPh sb="46" eb="47">
      <t>ミ</t>
    </rPh>
    <rPh sb="50" eb="52">
      <t>セイシュン</t>
    </rPh>
    <rPh sb="52" eb="54">
      <t>ショウセツ</t>
    </rPh>
    <phoneticPr fontId="1"/>
  </si>
  <si>
    <t>「これだから本は嫌いなのに！」。本の呪いが発動し、街は物語の世界に姿を変える。本嫌いの高校生・深冬が活躍するファンタジー。</t>
    <rPh sb="16" eb="17">
      <t>ホン</t>
    </rPh>
    <rPh sb="39" eb="40">
      <t>ホン</t>
    </rPh>
    <rPh sb="40" eb="41">
      <t>ギラ</t>
    </rPh>
    <rPh sb="43" eb="46">
      <t>コウコウセイ</t>
    </rPh>
    <rPh sb="50" eb="52">
      <t>カツヤク</t>
    </rPh>
    <phoneticPr fontId="1"/>
  </si>
  <si>
    <t>人工親友（AF）として生み出されたクララは、病弱な少女ジョジーと出会う。健気なクララの視点で語られる、「家族」「愛情」「生」の物語。</t>
    <rPh sb="11" eb="12">
      <t>ウ</t>
    </rPh>
    <rPh sb="13" eb="14">
      <t>ダ</t>
    </rPh>
    <rPh sb="32" eb="34">
      <t>デア</t>
    </rPh>
    <rPh sb="36" eb="38">
      <t>ケナゲ</t>
    </rPh>
    <rPh sb="43" eb="45">
      <t>シテン</t>
    </rPh>
    <rPh sb="46" eb="47">
      <t>カタ</t>
    </rPh>
    <rPh sb="52" eb="54">
      <t>カゾク</t>
    </rPh>
    <rPh sb="56" eb="58">
      <t>アイジョウ</t>
    </rPh>
    <rPh sb="60" eb="61">
      <t>セイ</t>
    </rPh>
    <rPh sb="63" eb="65">
      <t>モノガタリ</t>
    </rPh>
    <phoneticPr fontId="1"/>
  </si>
  <si>
    <t>６つの作品をめぐる知的な冒険が「ものの見方」を一変させる。「自分の興味」をもとにして、「自分だけのものの見方」を見つけよう。</t>
    <rPh sb="30" eb="32">
      <t>ジブン</t>
    </rPh>
    <rPh sb="33" eb="35">
      <t>キョウミ</t>
    </rPh>
    <rPh sb="44" eb="46">
      <t>ジブン</t>
    </rPh>
    <rPh sb="52" eb="54">
      <t>ミカタ</t>
    </rPh>
    <rPh sb="56" eb="57">
      <t>ミ</t>
    </rPh>
    <phoneticPr fontId="1"/>
  </si>
  <si>
    <t>障害のあるひとたちに数多くインタビューしてきた著者が、視覚障害者を通して、彼らがどのように世界を認識しているのかに迫る。</t>
    <rPh sb="0" eb="2">
      <t>ショウガイ</t>
    </rPh>
    <rPh sb="10" eb="12">
      <t>カズオオ</t>
    </rPh>
    <rPh sb="23" eb="25">
      <t>チョシャ</t>
    </rPh>
    <phoneticPr fontId="1"/>
  </si>
  <si>
    <t>ひとりで、考える</t>
    <rPh sb="5" eb="6">
      <t>カンガ</t>
    </rPh>
    <phoneticPr fontId="1"/>
  </si>
  <si>
    <t>小島俊明</t>
    <rPh sb="0" eb="2">
      <t>コジマ</t>
    </rPh>
    <rPh sb="2" eb="4">
      <t>トシアキ</t>
    </rPh>
    <phoneticPr fontId="1"/>
  </si>
  <si>
    <t>104</t>
    <phoneticPr fontId="1"/>
  </si>
  <si>
    <t>あおり運転の実刑はどのくらい？「オレオレ詐欺」の被告人はどんな人？いろんな裁判にまつわる30個のQ&amp;Aから「今」が見えてくる。</t>
    <rPh sb="46" eb="47">
      <t>コ</t>
    </rPh>
    <phoneticPr fontId="1"/>
  </si>
  <si>
    <t>「あなたのためを思って」「悪気はないんだから」。差別を考える社会学者が、「ずるい言葉」に言いくるめられないための手がかりを伝授。</t>
    <phoneticPr fontId="1"/>
  </si>
  <si>
    <t>コロナ後の世界を語る</t>
    <rPh sb="3" eb="4">
      <t>ゴ</t>
    </rPh>
    <rPh sb="5" eb="7">
      <t>セカイ</t>
    </rPh>
    <rPh sb="8" eb="9">
      <t>カタ</t>
    </rPh>
    <phoneticPr fontId="1"/>
  </si>
  <si>
    <t>朝日新聞社（編）</t>
    <rPh sb="0" eb="2">
      <t>アサヒ</t>
    </rPh>
    <rPh sb="2" eb="5">
      <t>シンブンシャ</t>
    </rPh>
    <rPh sb="6" eb="7">
      <t>ヘン</t>
    </rPh>
    <phoneticPr fontId="1"/>
  </si>
  <si>
    <t>朝日新聞出版</t>
    <rPh sb="0" eb="2">
      <t>アサヒ</t>
    </rPh>
    <rPh sb="2" eb="4">
      <t>シンブン</t>
    </rPh>
    <rPh sb="4" eb="6">
      <t>シュッパン</t>
    </rPh>
    <phoneticPr fontId="1"/>
  </si>
  <si>
    <t>新型コロナウイルスにより大きく変容する日常や世界と、私たちはどう向き合えばよいのか。各界で活躍する22人の論考を読んでみよう。</t>
    <rPh sb="19" eb="21">
      <t>ニチジョウ</t>
    </rPh>
    <rPh sb="26" eb="27">
      <t>ワタシ</t>
    </rPh>
    <rPh sb="42" eb="44">
      <t>カクカイ</t>
    </rPh>
    <rPh sb="45" eb="47">
      <t>カツヤク</t>
    </rPh>
    <rPh sb="51" eb="52">
      <t>ニン</t>
    </rPh>
    <rPh sb="53" eb="55">
      <t>ロンコウ</t>
    </rPh>
    <rPh sb="56" eb="57">
      <t>ヨ</t>
    </rPh>
    <phoneticPr fontId="1"/>
  </si>
  <si>
    <t>304</t>
    <phoneticPr fontId="1"/>
  </si>
  <si>
    <t>刺繡が好きな弟。かわいいものが苦手な姉。「フツー」や「あたりまえ」なんてくつがえす、家族の6つの物語。</t>
    <rPh sb="42" eb="44">
      <t>カゾク</t>
    </rPh>
    <rPh sb="48" eb="50">
      <t>モノガタリ</t>
    </rPh>
    <phoneticPr fontId="1"/>
  </si>
  <si>
    <t>「僕は、そうは、思わない」を合言葉に、自分で考えて行動する小学生が主人公。スカッと逆転してくれる連作短編集。</t>
    <rPh sb="19" eb="21">
      <t>ジブン</t>
    </rPh>
    <rPh sb="22" eb="23">
      <t>カンガ</t>
    </rPh>
    <rPh sb="25" eb="27">
      <t>コウドウ</t>
    </rPh>
    <rPh sb="29" eb="32">
      <t>ショウガクセイ</t>
    </rPh>
    <rPh sb="33" eb="36">
      <t>シュジンコウ</t>
    </rPh>
    <rPh sb="48" eb="50">
      <t>レンs</t>
    </rPh>
    <rPh sb="50" eb="53">
      <t>タンペン</t>
    </rPh>
    <phoneticPr fontId="1"/>
  </si>
  <si>
    <t>肉親を失った大学生の青山くんが、偶然出会った水墨画を描き始めることで、自分をつくり直していく。小説の向こうに絵が見えます。</t>
    <rPh sb="0" eb="2">
      <t>ニクシン</t>
    </rPh>
    <rPh sb="3" eb="4">
      <t>ウシナ</t>
    </rPh>
    <rPh sb="6" eb="9">
      <t>ダイガクセイ</t>
    </rPh>
    <rPh sb="10" eb="12">
      <t>アオヤマ</t>
    </rPh>
    <rPh sb="16" eb="18">
      <t>グウゼン</t>
    </rPh>
    <rPh sb="18" eb="20">
      <t>デア</t>
    </rPh>
    <rPh sb="22" eb="25">
      <t>スイボクガ</t>
    </rPh>
    <rPh sb="26" eb="27">
      <t>エガ</t>
    </rPh>
    <rPh sb="28" eb="29">
      <t>ハジ</t>
    </rPh>
    <rPh sb="35" eb="37">
      <t>ジブン</t>
    </rPh>
    <rPh sb="41" eb="42">
      <t>ナオ</t>
    </rPh>
    <rPh sb="47" eb="49">
      <t>ショウセツ</t>
    </rPh>
    <rPh sb="50" eb="51">
      <t>ム</t>
    </rPh>
    <phoneticPr fontId="1"/>
  </si>
  <si>
    <t>津波で家族を喪った高校生・沖晴は死神と取引し、感情は笑顔だけになった。余命わずかな京香と出会い、感情を取り戻していく物語。</t>
    <rPh sb="9" eb="12">
      <t>コウコウセイ</t>
    </rPh>
    <rPh sb="23" eb="25">
      <t>カンジョウ</t>
    </rPh>
    <rPh sb="26" eb="28">
      <t>エガオ</t>
    </rPh>
    <rPh sb="51" eb="52">
      <t>ト</t>
    </rPh>
    <rPh sb="53" eb="54">
      <t>モド</t>
    </rPh>
    <phoneticPr fontId="1"/>
  </si>
  <si>
    <t>プロ棋士を目指す諏訪飛鳥と千桜夕妃が主人公。夕妃の謎めいた人生や、飛鳥の真直ぐな努力を追いながら、最後には謎がとけます。</t>
    <rPh sb="18" eb="21">
      <t>シュジンコウ</t>
    </rPh>
    <rPh sb="22" eb="23">
      <t>ユウ</t>
    </rPh>
    <rPh sb="25" eb="26">
      <t>ナゾ</t>
    </rPh>
    <rPh sb="29" eb="31">
      <t>ジンセイ</t>
    </rPh>
    <rPh sb="33" eb="35">
      <t>アスカ</t>
    </rPh>
    <rPh sb="36" eb="38">
      <t>マッス</t>
    </rPh>
    <rPh sb="40" eb="42">
      <t>ドリョク</t>
    </rPh>
    <rPh sb="43" eb="44">
      <t>オ</t>
    </rPh>
    <rPh sb="49" eb="51">
      <t>サイゴ</t>
    </rPh>
    <rPh sb="53" eb="54">
      <t>ナゾ</t>
    </rPh>
    <phoneticPr fontId="1"/>
  </si>
  <si>
    <t>「多様性ってやつは、喧嘩や衝突が絶えないし、そりゃないほうが楽」。イギリス在住の著者が中学生の息子の日常を描くノンフィクション。</t>
    <rPh sb="37" eb="39">
      <t>ザイジュウ</t>
    </rPh>
    <rPh sb="40" eb="42">
      <t>チョシャ</t>
    </rPh>
    <rPh sb="43" eb="46">
      <t>チュウガクセイ</t>
    </rPh>
    <rPh sb="47" eb="49">
      <t>ムスコ</t>
    </rPh>
    <rPh sb="50" eb="52">
      <t>ニチジョウ</t>
    </rPh>
    <rPh sb="53" eb="54">
      <t>エガ</t>
    </rPh>
    <phoneticPr fontId="1"/>
  </si>
  <si>
    <t>バッタ被害を止めるため、バッタ博士はモーリタニアへ。カルチャーギャップや虫への熱い愛が楽しい、科学冒険就職ノンフィクション。</t>
    <rPh sb="36" eb="37">
      <t>ムシ</t>
    </rPh>
    <rPh sb="39" eb="40">
      <t>アツ</t>
    </rPh>
    <rPh sb="41" eb="42">
      <t>アイ</t>
    </rPh>
    <rPh sb="43" eb="44">
      <t>タノ</t>
    </rPh>
    <rPh sb="47" eb="49">
      <t>カガク</t>
    </rPh>
    <phoneticPr fontId="1"/>
  </si>
  <si>
    <t>人の頼みを断るのが苦しかったり、周りの目やラインやメールが気になったり。「世間」にふりまわされずに自分らしく生きる方法を考える。</t>
    <rPh sb="37" eb="39">
      <t>セケン</t>
    </rPh>
    <rPh sb="49" eb="51">
      <t>ジブン</t>
    </rPh>
    <rPh sb="54" eb="55">
      <t>イ</t>
    </rPh>
    <rPh sb="57" eb="59">
      <t>ホウホウ</t>
    </rPh>
    <rPh sb="60" eb="61">
      <t>カンガ</t>
    </rPh>
    <phoneticPr fontId="1"/>
  </si>
  <si>
    <t>人生について、生き方について考えることを「哲学する」という。正解のない問題には、納得する答えを、自分なりに見つけよう。</t>
    <rPh sb="0" eb="2">
      <t>ジンセイ</t>
    </rPh>
    <rPh sb="7" eb="8">
      <t>イ</t>
    </rPh>
    <rPh sb="9" eb="10">
      <t>カタ</t>
    </rPh>
    <rPh sb="14" eb="15">
      <t>カンガ</t>
    </rPh>
    <rPh sb="21" eb="23">
      <t>テツガク</t>
    </rPh>
    <rPh sb="30" eb="32">
      <t>セイカイ</t>
    </rPh>
    <rPh sb="35" eb="37">
      <t>モンダイ</t>
    </rPh>
    <rPh sb="40" eb="42">
      <t>ナットク</t>
    </rPh>
    <rPh sb="44" eb="45">
      <t>コタ</t>
    </rPh>
    <rPh sb="48" eb="50">
      <t>ジブン</t>
    </rPh>
    <rPh sb="53" eb="54">
      <t>ミ</t>
    </rPh>
    <phoneticPr fontId="1"/>
  </si>
  <si>
    <t>あるウイルスの祖先が、人類の〈共通祖先〉に感染し、生物に不可欠なＤＮＡや細胞核をもたらした！？ 生物進化のアナザーヒストリー。</t>
    <phoneticPr fontId="1"/>
  </si>
  <si>
    <t>本校では、「変化と多様性に富んだ社会で、自らの課題を探求し、主体的に解決に取り組む人間の育成」を目標としています。今の時代を生きる生徒が、想像力を養い、視野を広げ、自分で考える力を身に付ける一助となるように、今年度は次の20冊を選びました。</t>
    <rPh sb="0" eb="2">
      <t>ホンコウ</t>
    </rPh>
    <rPh sb="6" eb="8">
      <t>ヘンカ</t>
    </rPh>
    <rPh sb="9" eb="12">
      <t>タヨウセイ</t>
    </rPh>
    <rPh sb="13" eb="14">
      <t>ト</t>
    </rPh>
    <rPh sb="16" eb="18">
      <t>シャカイ</t>
    </rPh>
    <rPh sb="20" eb="21">
      <t>ミズカ</t>
    </rPh>
    <rPh sb="23" eb="25">
      <t>カダイ</t>
    </rPh>
    <rPh sb="26" eb="28">
      <t>タンキュウ</t>
    </rPh>
    <rPh sb="30" eb="33">
      <t>シュタイテキ</t>
    </rPh>
    <rPh sb="34" eb="36">
      <t>カイケツ</t>
    </rPh>
    <rPh sb="37" eb="38">
      <t>ト</t>
    </rPh>
    <rPh sb="39" eb="40">
      <t>ク</t>
    </rPh>
    <rPh sb="41" eb="43">
      <t>ニンゲン</t>
    </rPh>
    <rPh sb="44" eb="46">
      <t>イクセイ</t>
    </rPh>
    <rPh sb="48" eb="50">
      <t>モクヒョウ</t>
    </rPh>
    <rPh sb="57" eb="58">
      <t>イマ</t>
    </rPh>
    <rPh sb="59" eb="61">
      <t>ジダイ</t>
    </rPh>
    <rPh sb="62" eb="63">
      <t>イ</t>
    </rPh>
    <rPh sb="65" eb="67">
      <t>セイト</t>
    </rPh>
    <rPh sb="69" eb="72">
      <t>ソウゾウリョク</t>
    </rPh>
    <rPh sb="73" eb="74">
      <t>ヤシナ</t>
    </rPh>
    <rPh sb="76" eb="78">
      <t>シヤ</t>
    </rPh>
    <rPh sb="79" eb="80">
      <t>ヒロ</t>
    </rPh>
    <rPh sb="82" eb="84">
      <t>ジブン</t>
    </rPh>
    <rPh sb="85" eb="86">
      <t>カンガ</t>
    </rPh>
    <rPh sb="88" eb="89">
      <t>チカラ</t>
    </rPh>
    <rPh sb="90" eb="91">
      <t>ミ</t>
    </rPh>
    <rPh sb="92" eb="93">
      <t>ツ</t>
    </rPh>
    <rPh sb="95" eb="96">
      <t>イチ</t>
    </rPh>
    <rPh sb="96" eb="97">
      <t>タス</t>
    </rPh>
    <rPh sb="104" eb="107">
      <t>コンネンド</t>
    </rPh>
    <rPh sb="108" eb="109">
      <t>ツギ</t>
    </rPh>
    <rPh sb="112" eb="113">
      <t>サツ</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0" fontId="3" fillId="5" borderId="0" xfId="0" applyFont="1" applyFill="1" applyBorder="1" applyAlignment="1">
      <alignment horizont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49" fontId="4" fillId="0" borderId="1"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zoomScaleSheetLayoutView="100" workbookViewId="0">
      <selection activeCell="C3" sqref="C3:D3"/>
    </sheetView>
  </sheetViews>
  <sheetFormatPr defaultColWidth="9" defaultRowHeight="13.2"/>
  <cols>
    <col min="1" max="1" width="3.886718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8" t="s">
        <v>797</v>
      </c>
      <c r="D1" s="18"/>
      <c r="E1" s="18"/>
      <c r="F1" s="18"/>
      <c r="G1" s="18"/>
      <c r="H1" s="18"/>
      <c r="I1" s="18"/>
      <c r="J1" s="18"/>
      <c r="K1" s="4"/>
      <c r="L1" s="4"/>
    </row>
    <row r="2" spans="1:12" ht="18" customHeight="1">
      <c r="A2" s="7"/>
      <c r="B2" s="8"/>
      <c r="C2" s="9"/>
      <c r="D2" s="9"/>
      <c r="E2" s="9"/>
      <c r="F2" s="9"/>
      <c r="G2" s="9"/>
      <c r="H2" s="7"/>
      <c r="I2" s="7"/>
      <c r="J2" s="7"/>
      <c r="K2" s="7"/>
      <c r="L2" s="7"/>
    </row>
    <row r="3" spans="1:12" ht="35.1" customHeight="1">
      <c r="A3" s="7"/>
      <c r="B3" s="14" t="s">
        <v>5</v>
      </c>
      <c r="C3" s="28" t="s">
        <v>799</v>
      </c>
      <c r="D3" s="28"/>
      <c r="E3" s="29" t="s">
        <v>800</v>
      </c>
      <c r="F3" s="29"/>
      <c r="G3" s="30" t="s">
        <v>796</v>
      </c>
      <c r="H3" s="31"/>
      <c r="I3" s="36"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3" t="s">
        <v>890</v>
      </c>
      <c r="C6" s="34"/>
      <c r="D6" s="34"/>
      <c r="E6" s="34"/>
      <c r="F6" s="34"/>
      <c r="G6" s="34"/>
      <c r="H6" s="34"/>
      <c r="I6" s="34"/>
      <c r="J6" s="34"/>
      <c r="K6" s="35"/>
      <c r="L6" s="7"/>
    </row>
    <row r="7" spans="1:12">
      <c r="A7" s="7"/>
      <c r="B7" s="11"/>
      <c r="C7" s="7"/>
      <c r="D7" s="7"/>
      <c r="E7" s="12"/>
      <c r="F7" s="7"/>
      <c r="G7" s="7"/>
      <c r="H7" s="7"/>
      <c r="I7" s="7"/>
      <c r="J7" s="7"/>
      <c r="K7" s="7"/>
      <c r="L7" s="7"/>
    </row>
    <row r="8" spans="1:12" ht="54.75" customHeight="1" thickBot="1">
      <c r="A8" s="7"/>
      <c r="B8" s="15" t="s">
        <v>3</v>
      </c>
      <c r="C8" s="32" t="s">
        <v>0</v>
      </c>
      <c r="D8" s="32"/>
      <c r="E8" s="32" t="s">
        <v>2</v>
      </c>
      <c r="F8" s="32"/>
      <c r="G8" s="32" t="s">
        <v>1</v>
      </c>
      <c r="H8" s="32"/>
      <c r="I8" s="22" t="s">
        <v>4</v>
      </c>
      <c r="J8" s="23"/>
      <c r="K8" s="24"/>
      <c r="L8" s="7"/>
    </row>
    <row r="9" spans="1:12" ht="49.95" customHeight="1" thickTop="1">
      <c r="A9" s="13">
        <v>1</v>
      </c>
      <c r="B9" s="16" t="s">
        <v>855</v>
      </c>
      <c r="C9" s="25" t="s">
        <v>801</v>
      </c>
      <c r="D9" s="25"/>
      <c r="E9" s="25" t="s">
        <v>807</v>
      </c>
      <c r="F9" s="25"/>
      <c r="G9" s="25" t="s">
        <v>808</v>
      </c>
      <c r="H9" s="25"/>
      <c r="I9" s="26" t="s">
        <v>880</v>
      </c>
      <c r="J9" s="26"/>
      <c r="K9" s="27"/>
      <c r="L9" s="7"/>
    </row>
    <row r="10" spans="1:12" ht="49.95" customHeight="1">
      <c r="A10" s="13">
        <v>2</v>
      </c>
      <c r="B10" s="17" t="s">
        <v>855</v>
      </c>
      <c r="C10" s="19" t="s">
        <v>802</v>
      </c>
      <c r="D10" s="19"/>
      <c r="E10" s="19" t="s">
        <v>805</v>
      </c>
      <c r="F10" s="19"/>
      <c r="G10" s="19" t="s">
        <v>806</v>
      </c>
      <c r="H10" s="19"/>
      <c r="I10" s="20" t="s">
        <v>881</v>
      </c>
      <c r="J10" s="20"/>
      <c r="K10" s="21"/>
      <c r="L10" s="7"/>
    </row>
    <row r="11" spans="1:12" ht="49.95" customHeight="1">
      <c r="A11" s="13">
        <v>3</v>
      </c>
      <c r="B11" s="17" t="s">
        <v>855</v>
      </c>
      <c r="C11" s="19" t="s">
        <v>803</v>
      </c>
      <c r="D11" s="19"/>
      <c r="E11" s="19" t="s">
        <v>827</v>
      </c>
      <c r="F11" s="19"/>
      <c r="G11" s="19" t="s">
        <v>826</v>
      </c>
      <c r="H11" s="19"/>
      <c r="I11" s="20" t="s">
        <v>860</v>
      </c>
      <c r="J11" s="20"/>
      <c r="K11" s="21"/>
      <c r="L11" s="7"/>
    </row>
    <row r="12" spans="1:12" ht="49.95" customHeight="1">
      <c r="A12" s="13">
        <v>4</v>
      </c>
      <c r="B12" s="17" t="s">
        <v>855</v>
      </c>
      <c r="C12" s="19" t="s">
        <v>810</v>
      </c>
      <c r="D12" s="19"/>
      <c r="E12" s="19" t="s">
        <v>809</v>
      </c>
      <c r="F12" s="19"/>
      <c r="G12" s="19" t="s">
        <v>811</v>
      </c>
      <c r="H12" s="19"/>
      <c r="I12" s="20" t="s">
        <v>882</v>
      </c>
      <c r="J12" s="20"/>
      <c r="K12" s="21"/>
      <c r="L12" s="7"/>
    </row>
    <row r="13" spans="1:12" ht="49.95" customHeight="1">
      <c r="A13" s="13">
        <v>5</v>
      </c>
      <c r="B13" s="17" t="s">
        <v>855</v>
      </c>
      <c r="C13" s="19" t="s">
        <v>813</v>
      </c>
      <c r="D13" s="19"/>
      <c r="E13" s="19" t="s">
        <v>812</v>
      </c>
      <c r="F13" s="19"/>
      <c r="G13" s="19" t="s">
        <v>814</v>
      </c>
      <c r="H13" s="19"/>
      <c r="I13" s="20" t="s">
        <v>861</v>
      </c>
      <c r="J13" s="20"/>
      <c r="K13" s="21"/>
      <c r="L13" s="7"/>
    </row>
    <row r="14" spans="1:12" ht="49.95" customHeight="1">
      <c r="A14" s="13">
        <v>6</v>
      </c>
      <c r="B14" s="17" t="s">
        <v>855</v>
      </c>
      <c r="C14" s="19" t="s">
        <v>834</v>
      </c>
      <c r="D14" s="19"/>
      <c r="E14" s="19" t="s">
        <v>835</v>
      </c>
      <c r="F14" s="19"/>
      <c r="G14" s="19" t="s">
        <v>859</v>
      </c>
      <c r="H14" s="19"/>
      <c r="I14" s="20" t="s">
        <v>865</v>
      </c>
      <c r="J14" s="20"/>
      <c r="K14" s="21"/>
      <c r="L14" s="7"/>
    </row>
    <row r="15" spans="1:12" ht="49.95" customHeight="1">
      <c r="A15" s="13">
        <v>7</v>
      </c>
      <c r="B15" s="17" t="s">
        <v>855</v>
      </c>
      <c r="C15" s="19" t="s">
        <v>815</v>
      </c>
      <c r="D15" s="19"/>
      <c r="E15" s="19" t="s">
        <v>816</v>
      </c>
      <c r="F15" s="19"/>
      <c r="G15" s="19" t="s">
        <v>817</v>
      </c>
      <c r="H15" s="19"/>
      <c r="I15" s="20" t="s">
        <v>883</v>
      </c>
      <c r="J15" s="20"/>
      <c r="K15" s="21"/>
      <c r="L15" s="7"/>
    </row>
    <row r="16" spans="1:12" ht="49.95" customHeight="1">
      <c r="A16" s="13">
        <v>8</v>
      </c>
      <c r="B16" s="17" t="s">
        <v>855</v>
      </c>
      <c r="C16" s="19" t="s">
        <v>818</v>
      </c>
      <c r="D16" s="19"/>
      <c r="E16" s="19" t="s">
        <v>819</v>
      </c>
      <c r="F16" s="19"/>
      <c r="G16" s="19" t="s">
        <v>864</v>
      </c>
      <c r="H16" s="19"/>
      <c r="I16" s="20" t="s">
        <v>866</v>
      </c>
      <c r="J16" s="20"/>
      <c r="K16" s="21"/>
      <c r="L16" s="7"/>
    </row>
    <row r="17" spans="1:12" ht="49.95" customHeight="1">
      <c r="A17" s="13">
        <v>9</v>
      </c>
      <c r="B17" s="17" t="s">
        <v>855</v>
      </c>
      <c r="C17" s="19" t="s">
        <v>862</v>
      </c>
      <c r="D17" s="19"/>
      <c r="E17" s="19" t="s">
        <v>863</v>
      </c>
      <c r="F17" s="19"/>
      <c r="G17" s="19" t="s">
        <v>864</v>
      </c>
      <c r="H17" s="19"/>
      <c r="I17" s="20" t="s">
        <v>884</v>
      </c>
      <c r="J17" s="20"/>
      <c r="K17" s="21"/>
      <c r="L17" s="7"/>
    </row>
    <row r="18" spans="1:12" ht="49.95" customHeight="1">
      <c r="A18" s="13">
        <v>10</v>
      </c>
      <c r="B18" s="17" t="s">
        <v>856</v>
      </c>
      <c r="C18" s="19" t="s">
        <v>804</v>
      </c>
      <c r="D18" s="19"/>
      <c r="E18" s="19" t="s">
        <v>857</v>
      </c>
      <c r="F18" s="19"/>
      <c r="G18" s="19" t="s">
        <v>858</v>
      </c>
      <c r="H18" s="19"/>
      <c r="I18" s="20" t="s">
        <v>867</v>
      </c>
      <c r="J18" s="20"/>
      <c r="K18" s="21"/>
      <c r="L18" s="7"/>
    </row>
    <row r="19" spans="1:12" ht="49.95" customHeight="1">
      <c r="A19" s="13">
        <v>11</v>
      </c>
      <c r="B19" s="17" t="s">
        <v>854</v>
      </c>
      <c r="C19" s="19" t="s">
        <v>820</v>
      </c>
      <c r="D19" s="19"/>
      <c r="E19" s="19" t="s">
        <v>821</v>
      </c>
      <c r="F19" s="19"/>
      <c r="G19" s="19" t="s">
        <v>822</v>
      </c>
      <c r="H19" s="19"/>
      <c r="I19" s="20" t="s">
        <v>885</v>
      </c>
      <c r="J19" s="20"/>
      <c r="K19" s="21"/>
      <c r="L19" s="7"/>
    </row>
    <row r="20" spans="1:12" ht="49.95" customHeight="1">
      <c r="A20" s="13">
        <v>12</v>
      </c>
      <c r="B20" s="17" t="s">
        <v>853</v>
      </c>
      <c r="C20" s="19" t="s">
        <v>823</v>
      </c>
      <c r="D20" s="19"/>
      <c r="E20" s="19" t="s">
        <v>824</v>
      </c>
      <c r="F20" s="19"/>
      <c r="G20" s="19" t="s">
        <v>825</v>
      </c>
      <c r="H20" s="19"/>
      <c r="I20" s="20" t="s">
        <v>868</v>
      </c>
      <c r="J20" s="20"/>
      <c r="K20" s="21"/>
      <c r="L20" s="7"/>
    </row>
    <row r="21" spans="1:12" ht="49.95" customHeight="1">
      <c r="A21" s="13">
        <v>13</v>
      </c>
      <c r="B21" s="17" t="s">
        <v>879</v>
      </c>
      <c r="C21" s="19" t="s">
        <v>875</v>
      </c>
      <c r="D21" s="19"/>
      <c r="E21" s="19" t="s">
        <v>876</v>
      </c>
      <c r="F21" s="19"/>
      <c r="G21" s="19" t="s">
        <v>877</v>
      </c>
      <c r="H21" s="19"/>
      <c r="I21" s="20" t="s">
        <v>878</v>
      </c>
      <c r="J21" s="20"/>
      <c r="K21" s="21"/>
      <c r="L21" s="7"/>
    </row>
    <row r="22" spans="1:12" ht="49.95" customHeight="1">
      <c r="A22" s="13">
        <v>14</v>
      </c>
      <c r="B22" s="17" t="s">
        <v>852</v>
      </c>
      <c r="C22" s="19" t="s">
        <v>828</v>
      </c>
      <c r="D22" s="19"/>
      <c r="E22" s="19" t="s">
        <v>829</v>
      </c>
      <c r="F22" s="19"/>
      <c r="G22" s="19" t="s">
        <v>830</v>
      </c>
      <c r="H22" s="19"/>
      <c r="I22" s="20" t="s">
        <v>886</v>
      </c>
      <c r="J22" s="20"/>
      <c r="K22" s="21"/>
      <c r="L22" s="7"/>
    </row>
    <row r="23" spans="1:12" ht="49.95" customHeight="1">
      <c r="A23" s="13">
        <v>15</v>
      </c>
      <c r="B23" s="17" t="s">
        <v>851</v>
      </c>
      <c r="C23" s="19" t="s">
        <v>831</v>
      </c>
      <c r="D23" s="19"/>
      <c r="E23" s="19" t="s">
        <v>832</v>
      </c>
      <c r="F23" s="19"/>
      <c r="G23" s="19" t="s">
        <v>833</v>
      </c>
      <c r="H23" s="19"/>
      <c r="I23" s="20" t="s">
        <v>869</v>
      </c>
      <c r="J23" s="20"/>
      <c r="K23" s="21"/>
      <c r="L23" s="7"/>
    </row>
    <row r="24" spans="1:12" ht="49.95" customHeight="1">
      <c r="A24" s="13">
        <v>16</v>
      </c>
      <c r="B24" s="17" t="s">
        <v>850</v>
      </c>
      <c r="C24" s="19" t="s">
        <v>836</v>
      </c>
      <c r="D24" s="19"/>
      <c r="E24" s="19" t="s">
        <v>837</v>
      </c>
      <c r="F24" s="19"/>
      <c r="G24" s="19" t="s">
        <v>838</v>
      </c>
      <c r="H24" s="19"/>
      <c r="I24" s="20" t="s">
        <v>887</v>
      </c>
      <c r="J24" s="20"/>
      <c r="K24" s="21"/>
      <c r="L24" s="7"/>
    </row>
    <row r="25" spans="1:12" ht="49.95" customHeight="1">
      <c r="A25" s="13">
        <v>17</v>
      </c>
      <c r="B25" s="17" t="s">
        <v>872</v>
      </c>
      <c r="C25" s="19" t="s">
        <v>870</v>
      </c>
      <c r="D25" s="19"/>
      <c r="E25" s="19" t="s">
        <v>871</v>
      </c>
      <c r="F25" s="19"/>
      <c r="G25" s="19" t="s">
        <v>838</v>
      </c>
      <c r="H25" s="19"/>
      <c r="I25" s="20" t="s">
        <v>888</v>
      </c>
      <c r="J25" s="20"/>
      <c r="K25" s="21"/>
      <c r="L25" s="7"/>
    </row>
    <row r="26" spans="1:12" ht="49.95" customHeight="1">
      <c r="A26" s="13">
        <v>18</v>
      </c>
      <c r="B26" s="17" t="s">
        <v>849</v>
      </c>
      <c r="C26" s="19" t="s">
        <v>839</v>
      </c>
      <c r="D26" s="19"/>
      <c r="E26" s="19" t="s">
        <v>840</v>
      </c>
      <c r="F26" s="19"/>
      <c r="G26" s="19" t="s">
        <v>841</v>
      </c>
      <c r="H26" s="19"/>
      <c r="I26" s="20" t="s">
        <v>889</v>
      </c>
      <c r="J26" s="20"/>
      <c r="K26" s="21"/>
      <c r="L26" s="7"/>
    </row>
    <row r="27" spans="1:12" ht="49.95" customHeight="1">
      <c r="A27" s="13">
        <v>19</v>
      </c>
      <c r="B27" s="17" t="s">
        <v>848</v>
      </c>
      <c r="C27" s="19" t="s">
        <v>842</v>
      </c>
      <c r="D27" s="19"/>
      <c r="E27" s="19" t="s">
        <v>843</v>
      </c>
      <c r="F27" s="19"/>
      <c r="G27" s="19" t="s">
        <v>838</v>
      </c>
      <c r="H27" s="19"/>
      <c r="I27" s="20" t="s">
        <v>873</v>
      </c>
      <c r="J27" s="20"/>
      <c r="K27" s="21"/>
      <c r="L27" s="7"/>
    </row>
    <row r="28" spans="1:12" ht="49.95" customHeight="1">
      <c r="A28" s="13">
        <v>20</v>
      </c>
      <c r="B28" s="17" t="s">
        <v>847</v>
      </c>
      <c r="C28" s="19" t="s">
        <v>844</v>
      </c>
      <c r="D28" s="19"/>
      <c r="E28" s="19" t="s">
        <v>845</v>
      </c>
      <c r="F28" s="19"/>
      <c r="G28" s="19" t="s">
        <v>846</v>
      </c>
      <c r="H28" s="19"/>
      <c r="I28" s="20" t="s">
        <v>874</v>
      </c>
      <c r="J28" s="20"/>
      <c r="K28" s="21"/>
      <c r="L28" s="7"/>
    </row>
  </sheetData>
  <mergeCells count="89">
    <mergeCell ref="C28:D28"/>
    <mergeCell ref="E28:F28"/>
    <mergeCell ref="G28:H28"/>
    <mergeCell ref="I28:K28"/>
    <mergeCell ref="C27:D27"/>
    <mergeCell ref="E27:F27"/>
    <mergeCell ref="G27:H27"/>
    <mergeCell ref="I27:K27"/>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3:D3"/>
    <mergeCell ref="E3:F3"/>
    <mergeCell ref="G3:H3"/>
    <mergeCell ref="C19:D19"/>
    <mergeCell ref="E19:F19"/>
    <mergeCell ref="G19:H19"/>
    <mergeCell ref="C8:D8"/>
    <mergeCell ref="E8:F8"/>
    <mergeCell ref="G8:H8"/>
    <mergeCell ref="I8:K8"/>
    <mergeCell ref="C17:D17"/>
    <mergeCell ref="E17:F17"/>
    <mergeCell ref="G17:H17"/>
    <mergeCell ref="I17:K17"/>
    <mergeCell ref="C9:D9"/>
    <mergeCell ref="E9:F9"/>
    <mergeCell ref="G9:H9"/>
    <mergeCell ref="I9:K9"/>
    <mergeCell ref="C10:D10"/>
    <mergeCell ref="E10:F10"/>
    <mergeCell ref="G10:H10"/>
    <mergeCell ref="I10:K10"/>
    <mergeCell ref="C11:D11"/>
    <mergeCell ref="E11:F11"/>
    <mergeCell ref="G11:H11"/>
    <mergeCell ref="I11:K11"/>
    <mergeCell ref="I13:K13"/>
    <mergeCell ref="C18:D18"/>
    <mergeCell ref="E18:F18"/>
    <mergeCell ref="G18:H18"/>
    <mergeCell ref="I18:K18"/>
    <mergeCell ref="C12:D12"/>
    <mergeCell ref="E12:F12"/>
    <mergeCell ref="G12:H12"/>
    <mergeCell ref="I12:K12"/>
    <mergeCell ref="C1:J1"/>
    <mergeCell ref="C16:D16"/>
    <mergeCell ref="E16:F16"/>
    <mergeCell ref="G16:H16"/>
    <mergeCell ref="I16:K16"/>
    <mergeCell ref="C15:D15"/>
    <mergeCell ref="E15:F15"/>
    <mergeCell ref="G15:H15"/>
    <mergeCell ref="I15:K15"/>
    <mergeCell ref="C14:D14"/>
    <mergeCell ref="E14:F14"/>
    <mergeCell ref="G14:H14"/>
    <mergeCell ref="I14:K14"/>
    <mergeCell ref="C13:D13"/>
    <mergeCell ref="E13:F13"/>
    <mergeCell ref="G13:H13"/>
  </mergeCells>
  <phoneticPr fontId="1"/>
  <dataValidations count="1">
    <dataValidation imeMode="hiragana" allowBlank="1" showInputMessage="1" showErrorMessage="1" sqref="B6"/>
  </dataValidations>
  <pageMargins left="0.7" right="0.7" top="0.75" bottom="0.75" header="0.3" footer="0.3"/>
  <pageSetup paperSize="9" scale="85" fitToHeight="0" orientation="portrait" r:id="rId1"/>
  <headerFooter alignWithMargins="0"/>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ColWidth="8.88671875"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extLs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ColWidth="8.88671875"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extLst>
    <ext xmlns:mx="http://schemas.microsoft.com/office/mac/excel/2008/main" uri="{64002731-A6B0-56B0-2670-7721B7C09600}">
      <mx:PLV Mode="0" OnePage="0" WScale="0"/>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8-05T06:14:56Z</cp:lastPrinted>
  <dcterms:created xsi:type="dcterms:W3CDTF">2004-01-30T10:40:15Z</dcterms:created>
  <dcterms:modified xsi:type="dcterms:W3CDTF">2021-08-10T05:21:18Z</dcterms:modified>
</cp:coreProperties>
</file>